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7" lowestEdited="5" rupBuild="18201"/>
  <workbookPr/>
  <mc:AlternateContent xmlns:mc="http://schemas.openxmlformats.org/markup-compatibility/2006">
    <mc:Choice Requires="x15">
      <x15ac:absPath xmlns:x15ac="http://schemas.microsoft.com/office/spreadsheetml/2010/11/ac" url="\\Filepro4\Users\s07184\Desktop\"/>
    </mc:Choice>
  </mc:AlternateContent>
  <bookViews>
    <workbookView xWindow="0" yWindow="0" windowWidth="22050" windowHeight="7395"/>
  </bookViews>
  <sheets>
    <sheet name="Simiaden" sheetId="4" r:id="rId1"/>
    <sheet name="Slutat" sheetId="5" r:id="rId2"/>
  </sheets>
  <definedNames>
    <definedName name="_xlnm._FilterDatabase" localSheetId="0" hidden="1">Simiaden!$A$1:$U$1</definedName>
    <definedName name="_GoBack" localSheetId="0">Simiaden!$B$1</definedName>
  </definedNames>
  <calcPr calcId="171026"/>
</workbook>
</file>

<file path=xl/sharedStrings.xml><?xml version="1.0" encoding="utf-8"?>
<sst xmlns="http://schemas.openxmlformats.org/spreadsheetml/2006/main" count="250" uniqueCount="199">
  <si>
    <t>Förnamn</t>
  </si>
  <si>
    <t>Efternamn</t>
  </si>
  <si>
    <t>År</t>
  </si>
  <si>
    <t>Grupp</t>
  </si>
  <si>
    <t>25 cr</t>
  </si>
  <si>
    <t>25 ry</t>
  </si>
  <si>
    <t xml:space="preserve">25 br </t>
  </si>
  <si>
    <t>25 fj 
(lilla)</t>
  </si>
  <si>
    <t>50 cr</t>
  </si>
  <si>
    <t>50 ry</t>
  </si>
  <si>
    <t>50 br</t>
  </si>
  <si>
    <t>25 fj 
(mellan)</t>
  </si>
  <si>
    <t>100 me</t>
  </si>
  <si>
    <t>100 cr</t>
  </si>
  <si>
    <t>100 ry</t>
  </si>
  <si>
    <t>100 br</t>
  </si>
  <si>
    <t>50 fj</t>
  </si>
  <si>
    <t>200me</t>
  </si>
  <si>
    <t>Har fått lilla pokalen</t>
  </si>
  <si>
    <t>Har fått mellanpokalen</t>
  </si>
  <si>
    <t>Har fått stora pokalen</t>
  </si>
  <si>
    <t>Victoria</t>
  </si>
  <si>
    <t>Edvall</t>
  </si>
  <si>
    <t>Simiaden</t>
  </si>
  <si>
    <t>24.06</t>
  </si>
  <si>
    <t>26.15</t>
  </si>
  <si>
    <t>48.81</t>
  </si>
  <si>
    <t xml:space="preserve">Tuva </t>
  </si>
  <si>
    <t>Eriksson</t>
  </si>
  <si>
    <t>21.31</t>
  </si>
  <si>
    <t>23.53</t>
  </si>
  <si>
    <t>26.43</t>
  </si>
  <si>
    <t>28.84</t>
  </si>
  <si>
    <t>vt-17</t>
  </si>
  <si>
    <t>Sofie</t>
  </si>
  <si>
    <t>Helgstrand</t>
  </si>
  <si>
    <t>23.00</t>
  </si>
  <si>
    <t>23.12</t>
  </si>
  <si>
    <t>26.97</t>
  </si>
  <si>
    <t>24.32</t>
  </si>
  <si>
    <t>54.15</t>
  </si>
  <si>
    <t>1,34,61</t>
  </si>
  <si>
    <t>1:52.95</t>
  </si>
  <si>
    <t>1:55.17 </t>
  </si>
  <si>
    <t>ht-16</t>
  </si>
  <si>
    <t>Emilia</t>
  </si>
  <si>
    <t>Hrnjez</t>
  </si>
  <si>
    <t>22.53</t>
  </si>
  <si>
    <t>24.34</t>
  </si>
  <si>
    <t>29.65</t>
  </si>
  <si>
    <t>Sundström</t>
  </si>
  <si>
    <t>20.91</t>
  </si>
  <si>
    <t>23.34</t>
  </si>
  <si>
    <t>27.50</t>
  </si>
  <si>
    <t>51.16</t>
  </si>
  <si>
    <t>Beatrice</t>
  </si>
  <si>
    <t>Watz</t>
  </si>
  <si>
    <t>23.41</t>
  </si>
  <si>
    <t>24.42</t>
  </si>
  <si>
    <t>26.50</t>
  </si>
  <si>
    <t>24.15</t>
  </si>
  <si>
    <t>44.44</t>
  </si>
  <si>
    <t>1:39.57 </t>
  </si>
  <si>
    <t>Josefina</t>
  </si>
  <si>
    <t>Malmgren</t>
  </si>
  <si>
    <t>27.97</t>
  </si>
  <si>
    <t>Beatiel</t>
  </si>
  <si>
    <t>Zemicael</t>
  </si>
  <si>
    <t>22.60</t>
  </si>
  <si>
    <t>28.06</t>
  </si>
  <si>
    <t xml:space="preserve">28.94   </t>
  </si>
  <si>
    <t>47.84</t>
  </si>
  <si>
    <t xml:space="preserve">01:18.41   </t>
  </si>
  <si>
    <t xml:space="preserve">01:45.15   </t>
  </si>
  <si>
    <t xml:space="preserve">02:09.05   </t>
  </si>
  <si>
    <t xml:space="preserve">02:09.71   </t>
  </si>
  <si>
    <t>Lilla pokalen</t>
  </si>
  <si>
    <t>25 m ryggsim</t>
  </si>
  <si>
    <t>Genomföra       </t>
  </si>
  <si>
    <t>0.29</t>
  </si>
  <si>
    <t>0.26</t>
  </si>
  <si>
    <t>25 m frisim</t>
  </si>
  <si>
    <t>Genomföra</t>
  </si>
  <si>
    <t>0.23</t>
  </si>
  <si>
    <t>25 m bröstsim</t>
  </si>
  <si>
    <t>0.31</t>
  </si>
  <si>
    <t>0.28</t>
  </si>
  <si>
    <t>25 m fjärilsim</t>
  </si>
  <si>
    <t>Genomföra 15 m</t>
  </si>
  <si>
    <t>Genomföra 20 m</t>
  </si>
  <si>
    <t>Genomföra 25 m</t>
  </si>
  <si>
    <t>Mellan pokalen</t>
  </si>
  <si>
    <t>50 m ryggsim</t>
  </si>
  <si>
    <t>0.56.0                 </t>
  </si>
  <si>
    <t>0.51</t>
  </si>
  <si>
    <t>0.47</t>
  </si>
  <si>
    <t>50 m frisim</t>
  </si>
  <si>
    <t>0.49.0</t>
  </si>
  <si>
    <t>0.45</t>
  </si>
  <si>
    <t>0.41</t>
  </si>
  <si>
    <t>50 m bröstsim</t>
  </si>
  <si>
    <t>0.58.0</t>
  </si>
  <si>
    <t>0.55</t>
  </si>
  <si>
    <t>0.28.0</t>
  </si>
  <si>
    <t>0.25</t>
  </si>
  <si>
    <t>0.22</t>
  </si>
  <si>
    <t>100 m medley</t>
  </si>
  <si>
    <t>Genomföra regelrätt</t>
  </si>
  <si>
    <t>1.50</t>
  </si>
  <si>
    <t>1.40</t>
  </si>
  <si>
    <t>Stora pokalen</t>
  </si>
  <si>
    <t>100 m ryggsim</t>
  </si>
  <si>
    <t>1.45.0</t>
  </si>
  <si>
    <t>1.35</t>
  </si>
  <si>
    <t>1.25</t>
  </si>
  <si>
    <t>100 m frisim</t>
  </si>
  <si>
    <t>1.35.0</t>
  </si>
  <si>
    <t>1.15</t>
  </si>
  <si>
    <t>100 m bröstsim</t>
  </si>
  <si>
    <t>1.55.0</t>
  </si>
  <si>
    <t>1.45</t>
  </si>
  <si>
    <t>50 m fjärilsim</t>
  </si>
  <si>
    <t>0.53.0</t>
  </si>
  <si>
    <t>0.46</t>
  </si>
  <si>
    <t>0.40</t>
  </si>
  <si>
    <t>200 m medley</t>
  </si>
  <si>
    <t>3.25</t>
  </si>
  <si>
    <t>3.10</t>
  </si>
  <si>
    <t>25.04</t>
  </si>
  <si>
    <t>Ska ha lilla ht-17</t>
  </si>
  <si>
    <t>53.40</t>
  </si>
  <si>
    <t>22.12</t>
  </si>
  <si>
    <t>42.94</t>
  </si>
  <si>
    <t>21.15</t>
  </si>
  <si>
    <t>22.13</t>
  </si>
  <si>
    <t>22.84</t>
  </si>
  <si>
    <t>28.81</t>
  </si>
  <si>
    <t>42.09</t>
  </si>
  <si>
    <t>50.20</t>
  </si>
  <si>
    <t>Är resultatet i kursiv stil kommer det från annan extern tävling.</t>
  </si>
  <si>
    <t>vt-16 (fick  lilla pokalen för tidigt då det stod fel tid på guldtiden, det stod 24 som var den gamla guldtiden)</t>
  </si>
  <si>
    <t>40.25</t>
  </si>
  <si>
    <t>57.98</t>
  </si>
  <si>
    <t>42.05</t>
  </si>
  <si>
    <t>52.23</t>
  </si>
  <si>
    <t>46.86</t>
  </si>
  <si>
    <t>25.53</t>
  </si>
  <si>
    <t>49.12?</t>
  </si>
  <si>
    <t>AguilarTomaino</t>
  </si>
  <si>
    <t>Nicolas</t>
  </si>
  <si>
    <t>TS</t>
  </si>
  <si>
    <t>23.94</t>
  </si>
  <si>
    <t>25.56</t>
  </si>
  <si>
    <t>29.91</t>
  </si>
  <si>
    <t>Wheeldon</t>
  </si>
  <si>
    <t>Thien-Mai</t>
  </si>
  <si>
    <t>20.85</t>
  </si>
  <si>
    <t>24.91</t>
  </si>
  <si>
    <t>25.65</t>
  </si>
  <si>
    <t>43.25</t>
  </si>
  <si>
    <t>57.25</t>
  </si>
  <si>
    <t>Snöfors</t>
  </si>
  <si>
    <t>Julia</t>
  </si>
  <si>
    <t>30.02</t>
  </si>
  <si>
    <t xml:space="preserve">Dellmark </t>
  </si>
  <si>
    <t>Lovisa</t>
  </si>
  <si>
    <t>23.43</t>
  </si>
  <si>
    <t>23.83</t>
  </si>
  <si>
    <t>27.53</t>
  </si>
  <si>
    <t>47.94</t>
  </si>
  <si>
    <t>1.00.24</t>
  </si>
  <si>
    <t>Olle</t>
  </si>
  <si>
    <t>Billgren</t>
  </si>
  <si>
    <t>19.47</t>
  </si>
  <si>
    <t>24.60</t>
  </si>
  <si>
    <t>24.28</t>
  </si>
  <si>
    <t>20.12</t>
  </si>
  <si>
    <t>36.09</t>
  </si>
  <si>
    <t>Albin</t>
  </si>
  <si>
    <t>Wibäck-Lang</t>
  </si>
  <si>
    <t>26.09</t>
  </si>
  <si>
    <t>Sara</t>
  </si>
  <si>
    <t>Ghidey</t>
  </si>
  <si>
    <t>19.62</t>
  </si>
  <si>
    <t>23.50</t>
  </si>
  <si>
    <t>29.44</t>
  </si>
  <si>
    <t>23.98</t>
  </si>
  <si>
    <t>41.91</t>
  </si>
  <si>
    <t>48.84</t>
  </si>
  <si>
    <t>1:37.89</t>
  </si>
  <si>
    <t>1:32.90</t>
  </si>
  <si>
    <t xml:space="preserve">1:40.49  </t>
  </si>
  <si>
    <t>1:54.60</t>
  </si>
  <si>
    <t>2:05.42</t>
  </si>
  <si>
    <t xml:space="preserve">1:41.82   </t>
  </si>
  <si>
    <t xml:space="preserve"> 1:26.84   </t>
  </si>
  <si>
    <t xml:space="preserve">1:40.03   </t>
  </si>
  <si>
    <t xml:space="preserve">1:44.49   </t>
  </si>
  <si>
    <t xml:space="preserve">1:55.58  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>
    <font>
      <sz val="11"/>
      <color theme="1"/>
      <name val="Arial"/>
      <family val="2"/>
      <scheme val="minor"/>
    </font>
    <font>
      <b/>
      <sz val="11"/>
      <color theme="1"/>
      <name val="Arial"/>
      <family val="2"/>
      <scheme val="minor"/>
    </font>
    <font>
      <sz val="10"/>
      <color rgb="FF323232"/>
      <name val="Inherit"/>
    </font>
    <font>
      <b/>
      <sz val="10"/>
      <color rgb="FF323232"/>
      <name val="Inherit"/>
    </font>
    <font>
      <sz val="10"/>
      <color theme="1"/>
      <name val="Arial"/>
      <family val="2"/>
      <scheme val="minor"/>
    </font>
    <font>
      <b/>
      <sz val="8"/>
      <color theme="1"/>
      <name val="Arial"/>
      <family val="2"/>
      <scheme val="minor"/>
    </font>
    <font>
      <sz val="11"/>
      <color theme="1"/>
      <name val="Arial"/>
      <family val="2"/>
      <scheme val="minor"/>
    </font>
    <font>
      <b/>
      <sz val="18"/>
      <color theme="3"/>
      <name val="Arial"/>
      <family val="2"/>
      <scheme val="major"/>
    </font>
    <font>
      <b/>
      <sz val="15"/>
      <color theme="3"/>
      <name val="Arial"/>
      <family val="2"/>
      <scheme val="minor"/>
    </font>
    <font>
      <b/>
      <sz val="13"/>
      <color theme="3"/>
      <name val="Arial"/>
      <family val="2"/>
      <scheme val="minor"/>
    </font>
    <font>
      <b/>
      <sz val="11"/>
      <color theme="3"/>
      <name val="Arial"/>
      <family val="2"/>
      <scheme val="minor"/>
    </font>
    <font>
      <sz val="11"/>
      <color rgb="FF006100"/>
      <name val="Arial"/>
      <family val="2"/>
      <scheme val="minor"/>
    </font>
    <font>
      <sz val="11"/>
      <color rgb="FF9C0006"/>
      <name val="Arial"/>
      <family val="2"/>
      <scheme val="minor"/>
    </font>
    <font>
      <sz val="11"/>
      <color rgb="FF9C6500"/>
      <name val="Arial"/>
      <family val="2"/>
      <scheme val="minor"/>
    </font>
    <font>
      <sz val="11"/>
      <color rgb="FF3F3F76"/>
      <name val="Arial"/>
      <family val="2"/>
      <scheme val="minor"/>
    </font>
    <font>
      <b/>
      <sz val="11"/>
      <color rgb="FF3F3F3F"/>
      <name val="Arial"/>
      <family val="2"/>
      <scheme val="minor"/>
    </font>
    <font>
      <b/>
      <sz val="11"/>
      <color rgb="FFFA7D00"/>
      <name val="Arial"/>
      <family val="2"/>
      <scheme val="minor"/>
    </font>
    <font>
      <sz val="11"/>
      <color rgb="FFFA7D00"/>
      <name val="Arial"/>
      <family val="2"/>
      <scheme val="minor"/>
    </font>
    <font>
      <b/>
      <sz val="11"/>
      <color theme="0"/>
      <name val="Arial"/>
      <family val="2"/>
      <scheme val="minor"/>
    </font>
    <font>
      <sz val="11"/>
      <color rgb="FFFF0000"/>
      <name val="Arial"/>
      <family val="2"/>
      <scheme val="minor"/>
    </font>
    <font>
      <i/>
      <sz val="11"/>
      <color rgb="FF7F7F7F"/>
      <name val="Arial"/>
      <family val="2"/>
      <scheme val="minor"/>
    </font>
    <font>
      <sz val="11"/>
      <color theme="0"/>
      <name val="Arial"/>
      <family val="2"/>
      <scheme val="minor"/>
    </font>
    <font>
      <i/>
      <sz val="11"/>
      <color theme="1"/>
      <name val="Arial"/>
      <family val="2"/>
      <scheme val="minor"/>
    </font>
    <font>
      <i/>
      <sz val="10"/>
      <color theme="1"/>
      <name val="Arial"/>
      <family val="2"/>
      <scheme val="minor"/>
    </font>
    <font>
      <b/>
      <sz val="9"/>
      <color theme="1"/>
      <name val="Verdana"/>
      <family val="2"/>
    </font>
    <font>
      <sz val="9"/>
      <color theme="1"/>
      <name val="Verdana"/>
      <family val="2"/>
    </font>
  </fonts>
  <fills count="39">
    <fill>
      <patternFill patternType="none"/>
    </fill>
    <fill>
      <patternFill patternType="gray125"/>
    </fill>
    <fill>
      <patternFill patternType="solid">
        <fgColor rgb="FF00B050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rgb="FFFFFF00"/>
        <bgColor indexed="64"/>
      </patternFill>
    </fill>
    <fill>
      <patternFill patternType="solid">
        <fgColor rgb="FF00B0F0"/>
        <bgColor indexed="64"/>
      </patternFill>
    </fill>
    <fill>
      <patternFill patternType="solid">
        <fgColor rgb="FFF4F4F4"/>
        <bgColor indexed="64"/>
      </patternFill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theme="2" tint="0.39997558519241921"/>
        <bgColor indexed="64"/>
      </patternFill>
    </fill>
  </fills>
  <borders count="14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theme="0" tint="-0.14996795556505021"/>
      </left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  <border>
      <left style="thin">
        <color theme="0" tint="-0.14996795556505021"/>
      </left>
      <right/>
      <top style="thin">
        <color theme="0" tint="-0.14996795556505021"/>
      </top>
      <bottom style="thin">
        <color theme="0" tint="-0.14996795556505021"/>
      </bottom>
      <diagonal/>
    </border>
    <border>
      <left/>
      <right/>
      <top style="thin">
        <color theme="0" tint="-0.14996795556505021"/>
      </top>
      <bottom style="thin">
        <color theme="0" tint="-0.14996795556505021"/>
      </bottom>
      <diagonal/>
    </border>
    <border>
      <left/>
      <right style="thin">
        <color theme="0" tint="-0.14996795556505021"/>
      </right>
      <top style="thin">
        <color theme="0" tint="-0.14996795556505021"/>
      </top>
      <bottom style="thin">
        <color theme="0" tint="-0.14996795556505021"/>
      </bottom>
      <diagonal/>
    </border>
  </borders>
  <cellStyleXfs count="42">
    <xf numFmtId="0" fontId="0" fillId="0" borderId="0"/>
    <xf numFmtId="0" fontId="7" fillId="0" borderId="0" applyNumberFormat="0" applyFill="0" applyBorder="0" applyAlignment="0" applyProtection="0"/>
    <xf numFmtId="0" fontId="8" fillId="0" borderId="1" applyNumberFormat="0" applyFill="0" applyAlignment="0" applyProtection="0"/>
    <xf numFmtId="0" fontId="9" fillId="0" borderId="2" applyNumberFormat="0" applyFill="0" applyAlignment="0" applyProtection="0"/>
    <xf numFmtId="0" fontId="10" fillId="0" borderId="3" applyNumberFormat="0" applyFill="0" applyAlignment="0" applyProtection="0"/>
    <xf numFmtId="0" fontId="10" fillId="0" borderId="0" applyNumberFormat="0" applyFill="0" applyBorder="0" applyAlignment="0" applyProtection="0"/>
    <xf numFmtId="0" fontId="11" fillId="7" borderId="0" applyNumberFormat="0" applyBorder="0" applyAlignment="0" applyProtection="0"/>
    <xf numFmtId="0" fontId="12" fillId="8" borderId="0" applyNumberFormat="0" applyBorder="0" applyAlignment="0" applyProtection="0"/>
    <xf numFmtId="0" fontId="13" fillId="9" borderId="0" applyNumberFormat="0" applyBorder="0" applyAlignment="0" applyProtection="0"/>
    <xf numFmtId="0" fontId="14" fillId="10" borderId="4" applyNumberFormat="0" applyAlignment="0" applyProtection="0"/>
    <xf numFmtId="0" fontId="15" fillId="11" borderId="5" applyNumberFormat="0" applyAlignment="0" applyProtection="0"/>
    <xf numFmtId="0" fontId="16" fillId="11" borderId="4" applyNumberFormat="0" applyAlignment="0" applyProtection="0"/>
    <xf numFmtId="0" fontId="17" fillId="0" borderId="6" applyNumberFormat="0" applyFill="0" applyAlignment="0" applyProtection="0"/>
    <xf numFmtId="0" fontId="18" fillId="12" borderId="7" applyNumberFormat="0" applyAlignment="0" applyProtection="0"/>
    <xf numFmtId="0" fontId="19" fillId="0" borderId="0" applyNumberFormat="0" applyFill="0" applyBorder="0" applyAlignment="0" applyProtection="0"/>
    <xf numFmtId="0" fontId="6" fillId="13" borderId="8" applyNumberFormat="0" applyFont="0" applyAlignment="0" applyProtection="0"/>
    <xf numFmtId="0" fontId="20" fillId="0" borderId="0" applyNumberFormat="0" applyFill="0" applyBorder="0" applyAlignment="0" applyProtection="0"/>
    <xf numFmtId="0" fontId="1" fillId="0" borderId="9" applyNumberFormat="0" applyFill="0" applyAlignment="0" applyProtection="0"/>
    <xf numFmtId="0" fontId="21" fillId="14" borderId="0" applyNumberFormat="0" applyBorder="0" applyAlignment="0" applyProtection="0"/>
    <xf numFmtId="0" fontId="6" fillId="15" borderId="0" applyNumberFormat="0" applyBorder="0" applyAlignment="0" applyProtection="0"/>
    <xf numFmtId="0" fontId="6" fillId="16" borderId="0" applyNumberFormat="0" applyBorder="0" applyAlignment="0" applyProtection="0"/>
    <xf numFmtId="0" fontId="21" fillId="17" borderId="0" applyNumberFormat="0" applyBorder="0" applyAlignment="0" applyProtection="0"/>
    <xf numFmtId="0" fontId="21" fillId="18" borderId="0" applyNumberFormat="0" applyBorder="0" applyAlignment="0" applyProtection="0"/>
    <xf numFmtId="0" fontId="6" fillId="19" borderId="0" applyNumberFormat="0" applyBorder="0" applyAlignment="0" applyProtection="0"/>
    <xf numFmtId="0" fontId="6" fillId="20" borderId="0" applyNumberFormat="0" applyBorder="0" applyAlignment="0" applyProtection="0"/>
    <xf numFmtId="0" fontId="21" fillId="21" borderId="0" applyNumberFormat="0" applyBorder="0" applyAlignment="0" applyProtection="0"/>
    <xf numFmtId="0" fontId="21" fillId="22" borderId="0" applyNumberFormat="0" applyBorder="0" applyAlignment="0" applyProtection="0"/>
    <xf numFmtId="0" fontId="6" fillId="23" borderId="0" applyNumberFormat="0" applyBorder="0" applyAlignment="0" applyProtection="0"/>
    <xf numFmtId="0" fontId="6" fillId="24" borderId="0" applyNumberFormat="0" applyBorder="0" applyAlignment="0" applyProtection="0"/>
    <xf numFmtId="0" fontId="21" fillId="25" borderId="0" applyNumberFormat="0" applyBorder="0" applyAlignment="0" applyProtection="0"/>
    <xf numFmtId="0" fontId="21" fillId="26" borderId="0" applyNumberFormat="0" applyBorder="0" applyAlignment="0" applyProtection="0"/>
    <xf numFmtId="0" fontId="6" fillId="27" borderId="0" applyNumberFormat="0" applyBorder="0" applyAlignment="0" applyProtection="0"/>
    <xf numFmtId="0" fontId="6" fillId="28" borderId="0" applyNumberFormat="0" applyBorder="0" applyAlignment="0" applyProtection="0"/>
    <xf numFmtId="0" fontId="21" fillId="29" borderId="0" applyNumberFormat="0" applyBorder="0" applyAlignment="0" applyProtection="0"/>
    <xf numFmtId="0" fontId="21" fillId="30" borderId="0" applyNumberFormat="0" applyBorder="0" applyAlignment="0" applyProtection="0"/>
    <xf numFmtId="0" fontId="6" fillId="31" borderId="0" applyNumberFormat="0" applyBorder="0" applyAlignment="0" applyProtection="0"/>
    <xf numFmtId="0" fontId="6" fillId="32" borderId="0" applyNumberFormat="0" applyBorder="0" applyAlignment="0" applyProtection="0"/>
    <xf numFmtId="0" fontId="21" fillId="33" borderId="0" applyNumberFormat="0" applyBorder="0" applyAlignment="0" applyProtection="0"/>
    <xf numFmtId="0" fontId="21" fillId="34" borderId="0" applyNumberFormat="0" applyBorder="0" applyAlignment="0" applyProtection="0"/>
    <xf numFmtId="0" fontId="6" fillId="35" borderId="0" applyNumberFormat="0" applyBorder="0" applyAlignment="0" applyProtection="0"/>
    <xf numFmtId="0" fontId="6" fillId="36" borderId="0" applyNumberFormat="0" applyBorder="0" applyAlignment="0" applyProtection="0"/>
    <xf numFmtId="0" fontId="21" fillId="37" borderId="0" applyNumberFormat="0" applyBorder="0" applyAlignment="0" applyProtection="0"/>
  </cellStyleXfs>
  <cellXfs count="47">
    <xf numFmtId="0" fontId="0" fillId="0" borderId="0" xfId="0"/>
    <xf numFmtId="0" fontId="1" fillId="0" borderId="10" xfId="0" applyFont="1" applyBorder="1"/>
    <xf numFmtId="0" fontId="1" fillId="0" borderId="10" xfId="0" applyFont="1" applyBorder="1" applyAlignment="1">
      <alignment horizontal="center"/>
    </xf>
    <xf numFmtId="0" fontId="1" fillId="0" borderId="10" xfId="0" applyFont="1" applyBorder="1" applyAlignment="1">
      <alignment horizontal="center" wrapText="1"/>
    </xf>
    <xf numFmtId="0" fontId="5" fillId="38" borderId="10" xfId="0" applyFont="1" applyFill="1" applyBorder="1" applyAlignment="1">
      <alignment horizontal="center" wrapText="1"/>
    </xf>
    <xf numFmtId="0" fontId="0" fillId="0" borderId="10" xfId="0" applyBorder="1"/>
    <xf numFmtId="0" fontId="0" fillId="3" borderId="10" xfId="0" applyFill="1" applyBorder="1" applyAlignment="1">
      <alignment horizontal="center"/>
    </xf>
    <xf numFmtId="0" fontId="0" fillId="0" borderId="10" xfId="0" applyBorder="1" applyAlignment="1">
      <alignment horizontal="center"/>
    </xf>
    <xf numFmtId="0" fontId="0" fillId="4" borderId="10" xfId="0" applyFill="1" applyBorder="1" applyAlignment="1">
      <alignment horizontal="center"/>
    </xf>
    <xf numFmtId="0" fontId="0" fillId="0" borderId="10" xfId="0" applyFill="1" applyBorder="1" applyAlignment="1">
      <alignment horizontal="center"/>
    </xf>
    <xf numFmtId="0" fontId="0" fillId="5" borderId="10" xfId="0" applyFill="1" applyBorder="1" applyAlignment="1">
      <alignment horizontal="center"/>
    </xf>
    <xf numFmtId="0" fontId="0" fillId="38" borderId="10" xfId="0" applyFill="1" applyBorder="1" applyAlignment="1">
      <alignment horizontal="center"/>
    </xf>
    <xf numFmtId="0" fontId="4" fillId="2" borderId="10" xfId="0" applyFont="1" applyFill="1" applyBorder="1" applyAlignment="1">
      <alignment horizontal="center"/>
    </xf>
    <xf numFmtId="0" fontId="4" fillId="5" borderId="10" xfId="0" applyFont="1" applyFill="1" applyBorder="1" applyAlignment="1">
      <alignment horizontal="center"/>
    </xf>
    <xf numFmtId="0" fontId="22" fillId="5" borderId="10" xfId="0" applyFont="1" applyFill="1" applyBorder="1" applyAlignment="1">
      <alignment horizontal="center"/>
    </xf>
    <xf numFmtId="0" fontId="23" fillId="2" borderId="10" xfId="0" applyFont="1" applyFill="1" applyBorder="1" applyAlignment="1">
      <alignment horizontal="center"/>
    </xf>
    <xf numFmtId="0" fontId="22" fillId="0" borderId="10" xfId="0" applyFont="1" applyFill="1" applyBorder="1" applyAlignment="1">
      <alignment horizontal="center"/>
    </xf>
    <xf numFmtId="0" fontId="0" fillId="38" borderId="10" xfId="0" applyFill="1" applyBorder="1" applyAlignment="1">
      <alignment horizontal="left"/>
    </xf>
    <xf numFmtId="0" fontId="0" fillId="38" borderId="10" xfId="0" applyFill="1" applyBorder="1"/>
    <xf numFmtId="0" fontId="0" fillId="0" borderId="10" xfId="0" applyFill="1" applyBorder="1"/>
    <xf numFmtId="0" fontId="2" fillId="6" borderId="10" xfId="0" applyFont="1" applyFill="1" applyBorder="1" applyAlignment="1">
      <alignment horizontal="left" vertical="center" wrapText="1"/>
    </xf>
    <xf numFmtId="0" fontId="4" fillId="2" borderId="10" xfId="0" applyFont="1" applyFill="1" applyBorder="1"/>
    <xf numFmtId="0" fontId="4" fillId="5" borderId="10" xfId="0" applyFont="1" applyFill="1" applyBorder="1"/>
    <xf numFmtId="0" fontId="4" fillId="4" borderId="10" xfId="0" applyFont="1" applyFill="1" applyBorder="1"/>
    <xf numFmtId="0" fontId="22" fillId="0" borderId="10" xfId="0" applyFont="1" applyBorder="1" applyAlignment="1"/>
    <xf numFmtId="0" fontId="22" fillId="0" borderId="10" xfId="0" applyFont="1" applyBorder="1" applyAlignment="1">
      <alignment horizontal="center"/>
    </xf>
    <xf numFmtId="0" fontId="22" fillId="4" borderId="10" xfId="0" applyFont="1" applyFill="1" applyBorder="1" applyAlignment="1">
      <alignment horizontal="center"/>
    </xf>
    <xf numFmtId="0" fontId="24" fillId="0" borderId="0" xfId="0" applyFont="1" applyBorder="1"/>
    <xf numFmtId="0" fontId="24" fillId="0" borderId="0" xfId="0" applyFont="1" applyBorder="1" applyAlignment="1">
      <alignment horizontal="center"/>
    </xf>
    <xf numFmtId="0" fontId="24" fillId="0" borderId="0" xfId="0" applyFont="1" applyBorder="1" applyAlignment="1">
      <alignment horizontal="center" wrapText="1"/>
    </xf>
    <xf numFmtId="0" fontId="24" fillId="38" borderId="0" xfId="0" applyFont="1" applyFill="1" applyBorder="1" applyAlignment="1">
      <alignment horizontal="center" wrapText="1"/>
    </xf>
    <xf numFmtId="0" fontId="25" fillId="0" borderId="0" xfId="0" applyFont="1" applyBorder="1"/>
    <xf numFmtId="0" fontId="25" fillId="4" borderId="0" xfId="0" applyFont="1" applyFill="1" applyBorder="1"/>
    <xf numFmtId="0" fontId="25" fillId="5" borderId="0" xfId="0" applyFont="1" applyFill="1" applyBorder="1"/>
    <xf numFmtId="0" fontId="25" fillId="0" borderId="0" xfId="0" applyFont="1" applyFill="1" applyBorder="1"/>
    <xf numFmtId="0" fontId="25" fillId="2" borderId="0" xfId="0" applyFont="1" applyFill="1" applyBorder="1"/>
    <xf numFmtId="0" fontId="25" fillId="0" borderId="0" xfId="0" applyFont="1" applyBorder="1" applyAlignment="1">
      <alignment horizontal="center"/>
    </xf>
    <xf numFmtId="0" fontId="25" fillId="2" borderId="0" xfId="0" applyFont="1" applyFill="1" applyBorder="1" applyAlignment="1">
      <alignment horizontal="center"/>
    </xf>
    <xf numFmtId="0" fontId="25" fillId="4" borderId="0" xfId="0" applyFont="1" applyFill="1" applyBorder="1" applyAlignment="1">
      <alignment horizontal="center"/>
    </xf>
    <xf numFmtId="0" fontId="25" fillId="0" borderId="0" xfId="0" applyFont="1" applyFill="1" applyBorder="1" applyAlignment="1">
      <alignment horizontal="center"/>
    </xf>
    <xf numFmtId="0" fontId="25" fillId="38" borderId="0" xfId="0" applyFont="1" applyFill="1" applyBorder="1" applyAlignment="1">
      <alignment horizontal="center"/>
    </xf>
    <xf numFmtId="0" fontId="25" fillId="5" borderId="0" xfId="0" applyFont="1" applyFill="1" applyBorder="1" applyAlignment="1">
      <alignment horizontal="center"/>
    </xf>
    <xf numFmtId="0" fontId="3" fillId="6" borderId="10" xfId="0" applyFont="1" applyFill="1" applyBorder="1" applyAlignment="1">
      <alignment horizontal="center" vertical="center" wrapText="1"/>
    </xf>
    <xf numFmtId="0" fontId="22" fillId="0" borderId="11" xfId="0" applyFont="1" applyBorder="1" applyAlignment="1">
      <alignment horizontal="center"/>
    </xf>
    <xf numFmtId="0" fontId="22" fillId="0" borderId="12" xfId="0" applyFont="1" applyBorder="1" applyAlignment="1">
      <alignment horizontal="center"/>
    </xf>
    <xf numFmtId="0" fontId="22" fillId="0" borderId="13" xfId="0" applyFont="1" applyBorder="1" applyAlignment="1">
      <alignment horizontal="center"/>
    </xf>
    <xf numFmtId="0" fontId="23" fillId="5" borderId="10" xfId="0" applyFont="1" applyFill="1" applyBorder="1" applyAlignment="1">
      <alignment horizontal="center"/>
    </xf>
  </cellXfs>
  <cellStyles count="42">
    <cellStyle name="20 % - Dekorfärg1" xfId="19" builtinId="30" customBuiltin="1"/>
    <cellStyle name="20 % - Dekorfärg2" xfId="23" builtinId="34" customBuiltin="1"/>
    <cellStyle name="20 % - Dekorfärg3" xfId="27" builtinId="38" customBuiltin="1"/>
    <cellStyle name="20 % - Dekorfärg4" xfId="31" builtinId="42" customBuiltin="1"/>
    <cellStyle name="20 % - Dekorfärg5" xfId="35" builtinId="46" customBuiltin="1"/>
    <cellStyle name="20 % - Dekorfärg6" xfId="39" builtinId="50" customBuiltin="1"/>
    <cellStyle name="40 % - Dekorfärg1" xfId="20" builtinId="31" customBuiltin="1"/>
    <cellStyle name="40 % - Dekorfärg2" xfId="24" builtinId="35" customBuiltin="1"/>
    <cellStyle name="40 % - Dekorfärg3" xfId="28" builtinId="39" customBuiltin="1"/>
    <cellStyle name="40 % - Dekorfärg4" xfId="32" builtinId="43" customBuiltin="1"/>
    <cellStyle name="40 % - Dekorfärg5" xfId="36" builtinId="47" customBuiltin="1"/>
    <cellStyle name="40 % - Dekorfärg6" xfId="40" builtinId="51" customBuiltin="1"/>
    <cellStyle name="60 % - Dekorfärg1" xfId="21" builtinId="32" customBuiltin="1"/>
    <cellStyle name="60 % - Dekorfärg2" xfId="25" builtinId="36" customBuiltin="1"/>
    <cellStyle name="60 % - Dekorfärg3" xfId="29" builtinId="40" customBuiltin="1"/>
    <cellStyle name="60 % - Dekorfärg4" xfId="33" builtinId="44" customBuiltin="1"/>
    <cellStyle name="60 % - Dekorfärg5" xfId="37" builtinId="48" customBuiltin="1"/>
    <cellStyle name="60 % - Dekorfärg6" xfId="41" builtinId="52" customBuiltin="1"/>
    <cellStyle name="Anteckning" xfId="15" builtinId="10" customBuiltin="1"/>
    <cellStyle name="Beräkning" xfId="11" builtinId="22" customBuiltin="1"/>
    <cellStyle name="Bra" xfId="6" builtinId="26" customBuiltin="1"/>
    <cellStyle name="Dekorfärg1" xfId="18" builtinId="29" customBuiltin="1"/>
    <cellStyle name="Dekorfärg2" xfId="22" builtinId="33" customBuiltin="1"/>
    <cellStyle name="Dekorfärg3" xfId="26" builtinId="37" customBuiltin="1"/>
    <cellStyle name="Dekorfärg4" xfId="30" builtinId="41" customBuiltin="1"/>
    <cellStyle name="Dekorfärg5" xfId="34" builtinId="45" customBuiltin="1"/>
    <cellStyle name="Dekorfärg6" xfId="38" builtinId="49" customBuiltin="1"/>
    <cellStyle name="Dålig" xfId="7" builtinId="27" customBuiltin="1"/>
    <cellStyle name="Förklarande text" xfId="16" builtinId="53" customBuiltin="1"/>
    <cellStyle name="Indata" xfId="9" builtinId="20" customBuiltin="1"/>
    <cellStyle name="Kontrollcell" xfId="13" builtinId="23" customBuiltin="1"/>
    <cellStyle name="Länkad cell" xfId="12" builtinId="24" customBuiltin="1"/>
    <cellStyle name="Neutral" xfId="8" builtinId="28" customBuiltin="1"/>
    <cellStyle name="Normal" xfId="0" builtinId="0"/>
    <cellStyle name="Rubrik" xfId="1" builtinId="15" customBuiltin="1"/>
    <cellStyle name="Rubrik 1" xfId="2" builtinId="16" customBuiltin="1"/>
    <cellStyle name="Rubrik 2" xfId="3" builtinId="17" customBuiltin="1"/>
    <cellStyle name="Rubrik 3" xfId="4" builtinId="18" customBuiltin="1"/>
    <cellStyle name="Rubrik 4" xfId="5" builtinId="19" customBuiltin="1"/>
    <cellStyle name="Summa" xfId="17" builtinId="25" customBuiltin="1"/>
    <cellStyle name="Utdata" xfId="10" builtinId="21" customBuiltin="1"/>
    <cellStyle name="Varningstext" xfId="14" builtinId="11" customBuiltin="1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-tema">
  <a:themeElements>
    <a:clrScheme name="Stockholms stads färger">
      <a:dk1>
        <a:srgbClr val="000000"/>
      </a:dk1>
      <a:lt1>
        <a:srgbClr val="FFFFFF"/>
      </a:lt1>
      <a:dk2>
        <a:srgbClr val="683788"/>
      </a:dk2>
      <a:lt2>
        <a:srgbClr val="BCAAD0"/>
      </a:lt2>
      <a:accent1>
        <a:srgbClr val="289D93"/>
      </a:accent1>
      <a:accent2>
        <a:srgbClr val="C40068"/>
      </a:accent2>
      <a:accent3>
        <a:srgbClr val="007EC4"/>
      </a:accent3>
      <a:accent4>
        <a:srgbClr val="005E93"/>
      </a:accent4>
      <a:accent5>
        <a:srgbClr val="E4B1C3"/>
      </a:accent5>
      <a:accent6>
        <a:srgbClr val="005E93"/>
      </a:accent6>
      <a:hlink>
        <a:srgbClr val="007EC4"/>
      </a:hlink>
      <a:folHlink>
        <a:srgbClr val="683788"/>
      </a:folHlink>
    </a:clrScheme>
    <a:fontScheme name="Office - klassiskt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tx2"/>
        </a:solidFill>
        <a:ln>
          <a:noFill/>
        </a:ln>
        <a:effectLst/>
      </a:spPr>
      <a:bodyPr vertOverflow="clip" rtlCol="0" anchor="ctr"/>
      <a:lstStyle>
        <a:defPPr algn="ctr">
          <a:defRPr sz="110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U39"/>
  <sheetViews>
    <sheetView tabSelected="1" zoomScale="90" zoomScaleNormal="90" workbookViewId="0">
      <selection activeCell="A7" sqref="A7:XFD7"/>
    </sheetView>
  </sheetViews>
  <sheetFormatPr defaultColWidth="9" defaultRowHeight="14.25"/>
  <cols>
    <col min="1" max="1" width="13.125" style="5" customWidth="1"/>
    <col min="2" max="2" width="16.375" style="5" bestFit="1" customWidth="1"/>
    <col min="3" max="4" width="14" style="5" bestFit="1" customWidth="1"/>
    <col min="5" max="5" width="9.625" style="5" bestFit="1" customWidth="1"/>
    <col min="6" max="6" width="9.625" style="5" customWidth="1"/>
    <col min="7" max="7" width="10.25" style="5" bestFit="1" customWidth="1"/>
    <col min="8" max="8" width="9" style="5"/>
    <col min="9" max="10" width="9.625" style="5" bestFit="1" customWidth="1"/>
    <col min="11" max="11" width="9.75" style="5" bestFit="1" customWidth="1"/>
    <col min="12" max="12" width="9" style="5"/>
    <col min="13" max="13" width="11.625" style="5" bestFit="1" customWidth="1"/>
    <col min="14" max="15" width="10.5" style="5" bestFit="1" customWidth="1"/>
    <col min="16" max="16" width="10.625" style="5" bestFit="1" customWidth="1"/>
    <col min="17" max="17" width="9" style="5"/>
    <col min="18" max="18" width="11.125" style="5" bestFit="1" customWidth="1"/>
    <col min="19" max="19" width="19.5" style="18" customWidth="1"/>
    <col min="20" max="20" width="16.75" style="18" bestFit="1" customWidth="1"/>
    <col min="21" max="21" width="15.5" style="18" bestFit="1" customWidth="1"/>
    <col min="22" max="16384" width="9" style="5"/>
  </cols>
  <sheetData>
    <row r="1" spans="1:21" s="1" customFormat="1" ht="30">
      <c r="A1" s="1" t="s">
        <v>0</v>
      </c>
      <c r="B1" s="1" t="s">
        <v>1</v>
      </c>
      <c r="C1" s="1" t="s">
        <v>2</v>
      </c>
      <c r="D1" s="1" t="s">
        <v>3</v>
      </c>
      <c r="E1" s="2" t="s">
        <v>4</v>
      </c>
      <c r="F1" s="2" t="s">
        <v>5</v>
      </c>
      <c r="G1" s="2" t="s">
        <v>6</v>
      </c>
      <c r="H1" s="3" t="s">
        <v>7</v>
      </c>
      <c r="I1" s="2" t="s">
        <v>8</v>
      </c>
      <c r="J1" s="2" t="s">
        <v>9</v>
      </c>
      <c r="K1" s="2" t="s">
        <v>10</v>
      </c>
      <c r="L1" s="3" t="s">
        <v>11</v>
      </c>
      <c r="M1" s="2" t="s">
        <v>12</v>
      </c>
      <c r="N1" s="2" t="s">
        <v>13</v>
      </c>
      <c r="O1" s="2" t="s">
        <v>14</v>
      </c>
      <c r="P1" s="2" t="s">
        <v>15</v>
      </c>
      <c r="Q1" s="2" t="s">
        <v>16</v>
      </c>
      <c r="R1" s="2" t="s">
        <v>17</v>
      </c>
      <c r="S1" s="4" t="s">
        <v>18</v>
      </c>
      <c r="T1" s="4" t="s">
        <v>19</v>
      </c>
      <c r="U1" s="4" t="s">
        <v>20</v>
      </c>
    </row>
    <row r="2" spans="1:21">
      <c r="A2" s="5" t="s">
        <v>21</v>
      </c>
      <c r="B2" s="5" t="s">
        <v>22</v>
      </c>
      <c r="C2" s="5">
        <v>2004</v>
      </c>
      <c r="D2" s="5" t="s">
        <v>23</v>
      </c>
      <c r="E2" s="6" t="s">
        <v>24</v>
      </c>
      <c r="F2" s="7"/>
      <c r="G2" s="8" t="s">
        <v>25</v>
      </c>
      <c r="H2" s="9"/>
      <c r="I2" s="7"/>
      <c r="J2" s="10" t="s">
        <v>26</v>
      </c>
      <c r="K2" s="7"/>
      <c r="L2" s="7"/>
      <c r="M2" s="7"/>
      <c r="N2" s="7"/>
      <c r="O2" s="7"/>
      <c r="P2" s="7"/>
      <c r="Q2" s="7"/>
      <c r="R2" s="7"/>
      <c r="S2" s="11"/>
      <c r="T2" s="11"/>
      <c r="U2" s="11"/>
    </row>
    <row r="3" spans="1:21">
      <c r="A3" s="5" t="s">
        <v>27</v>
      </c>
      <c r="B3" s="5" t="s">
        <v>28</v>
      </c>
      <c r="C3" s="5">
        <v>2006</v>
      </c>
      <c r="D3" s="5" t="s">
        <v>23</v>
      </c>
      <c r="E3" s="8" t="s">
        <v>29</v>
      </c>
      <c r="F3" s="8" t="s">
        <v>30</v>
      </c>
      <c r="G3" s="8" t="s">
        <v>31</v>
      </c>
      <c r="H3" s="8" t="s">
        <v>32</v>
      </c>
      <c r="I3" s="10" t="s">
        <v>132</v>
      </c>
      <c r="J3" s="26" t="s">
        <v>145</v>
      </c>
      <c r="K3" s="10" t="s">
        <v>130</v>
      </c>
      <c r="L3" s="10" t="s">
        <v>135</v>
      </c>
      <c r="M3" s="26" t="s">
        <v>189</v>
      </c>
      <c r="N3" s="15" t="s">
        <v>190</v>
      </c>
      <c r="O3" s="15" t="s">
        <v>191</v>
      </c>
      <c r="P3" s="7"/>
      <c r="Q3" s="7"/>
      <c r="R3" s="7"/>
      <c r="S3" s="11" t="s">
        <v>33</v>
      </c>
      <c r="T3" s="11"/>
      <c r="U3" s="11"/>
    </row>
    <row r="4" spans="1:21">
      <c r="A4" s="5" t="s">
        <v>34</v>
      </c>
      <c r="B4" s="5" t="s">
        <v>35</v>
      </c>
      <c r="C4" s="5">
        <v>2006</v>
      </c>
      <c r="D4" s="5" t="s">
        <v>23</v>
      </c>
      <c r="E4" s="8" t="s">
        <v>36</v>
      </c>
      <c r="F4" s="8" t="s">
        <v>37</v>
      </c>
      <c r="G4" s="8" t="s">
        <v>38</v>
      </c>
      <c r="H4" s="8" t="s">
        <v>39</v>
      </c>
      <c r="I4" s="14" t="s">
        <v>143</v>
      </c>
      <c r="J4" s="12" t="s">
        <v>40</v>
      </c>
      <c r="K4" s="14" t="s">
        <v>144</v>
      </c>
      <c r="L4" s="10" t="s">
        <v>39</v>
      </c>
      <c r="M4" s="7"/>
      <c r="N4" s="14" t="s">
        <v>41</v>
      </c>
      <c r="O4" s="25" t="s">
        <v>42</v>
      </c>
      <c r="P4" s="25" t="s">
        <v>43</v>
      </c>
      <c r="Q4" s="7"/>
      <c r="R4" s="7"/>
      <c r="S4" s="11" t="s">
        <v>44</v>
      </c>
      <c r="T4" s="11"/>
      <c r="U4" s="11"/>
    </row>
    <row r="5" spans="1:21">
      <c r="A5" s="5" t="s">
        <v>45</v>
      </c>
      <c r="B5" s="5" t="s">
        <v>46</v>
      </c>
      <c r="C5" s="5">
        <v>2006</v>
      </c>
      <c r="D5" s="5" t="s">
        <v>23</v>
      </c>
      <c r="E5" s="8" t="s">
        <v>47</v>
      </c>
      <c r="F5" s="8" t="s">
        <v>48</v>
      </c>
      <c r="G5" s="8" t="s">
        <v>146</v>
      </c>
      <c r="H5" s="8" t="s">
        <v>49</v>
      </c>
      <c r="I5" s="9" t="s">
        <v>147</v>
      </c>
      <c r="J5" s="7"/>
      <c r="K5" s="7"/>
      <c r="L5" s="9" t="s">
        <v>49</v>
      </c>
      <c r="M5" s="7"/>
      <c r="N5" s="7"/>
      <c r="O5" s="7"/>
      <c r="P5" s="7"/>
      <c r="Q5" s="7"/>
      <c r="R5" s="7"/>
      <c r="S5" s="11" t="s">
        <v>129</v>
      </c>
      <c r="T5" s="11"/>
      <c r="U5" s="11"/>
    </row>
    <row r="6" spans="1:21">
      <c r="A6" s="5" t="s">
        <v>45</v>
      </c>
      <c r="B6" s="5" t="s">
        <v>50</v>
      </c>
      <c r="C6" s="5">
        <v>2006</v>
      </c>
      <c r="D6" s="5" t="s">
        <v>23</v>
      </c>
      <c r="E6" s="8" t="s">
        <v>51</v>
      </c>
      <c r="F6" s="8" t="s">
        <v>52</v>
      </c>
      <c r="G6" s="8" t="s">
        <v>53</v>
      </c>
      <c r="H6" s="8" t="s">
        <v>36</v>
      </c>
      <c r="I6" s="26" t="s">
        <v>141</v>
      </c>
      <c r="J6" s="8" t="s">
        <v>61</v>
      </c>
      <c r="K6" s="15" t="s">
        <v>142</v>
      </c>
      <c r="L6" s="8" t="s">
        <v>133</v>
      </c>
      <c r="M6" s="46" t="s">
        <v>197</v>
      </c>
      <c r="N6" s="15" t="s">
        <v>195</v>
      </c>
      <c r="O6" s="15" t="s">
        <v>196</v>
      </c>
      <c r="P6" s="7"/>
      <c r="Q6" s="13" t="s">
        <v>54</v>
      </c>
      <c r="R6" s="7"/>
      <c r="S6" s="11" t="s">
        <v>44</v>
      </c>
      <c r="T6" s="11"/>
      <c r="U6" s="11"/>
    </row>
    <row r="7" spans="1:21">
      <c r="A7" s="5" t="s">
        <v>55</v>
      </c>
      <c r="B7" s="5" t="s">
        <v>56</v>
      </c>
      <c r="C7" s="5">
        <v>2006</v>
      </c>
      <c r="D7" s="5" t="s">
        <v>23</v>
      </c>
      <c r="E7" s="10" t="s">
        <v>57</v>
      </c>
      <c r="F7" s="8" t="s">
        <v>58</v>
      </c>
      <c r="G7" s="8" t="s">
        <v>59</v>
      </c>
      <c r="H7" s="8" t="s">
        <v>60</v>
      </c>
      <c r="I7" s="14" t="s">
        <v>137</v>
      </c>
      <c r="J7" s="15" t="s">
        <v>138</v>
      </c>
      <c r="K7" s="7"/>
      <c r="L7" s="10" t="s">
        <v>134</v>
      </c>
      <c r="M7" s="7"/>
      <c r="N7" s="16" t="s">
        <v>62</v>
      </c>
      <c r="O7" s="7"/>
      <c r="P7" s="7" t="s">
        <v>198</v>
      </c>
      <c r="Q7" s="7"/>
      <c r="R7" s="7"/>
      <c r="S7" s="17" t="s">
        <v>140</v>
      </c>
      <c r="T7" s="11"/>
      <c r="U7" s="11"/>
    </row>
    <row r="8" spans="1:21">
      <c r="A8" s="5" t="s">
        <v>63</v>
      </c>
      <c r="B8" s="5" t="s">
        <v>64</v>
      </c>
      <c r="C8" s="5">
        <v>2005</v>
      </c>
      <c r="D8" s="5" t="s">
        <v>23</v>
      </c>
      <c r="E8" s="8" t="s">
        <v>131</v>
      </c>
      <c r="F8" s="8" t="s">
        <v>128</v>
      </c>
      <c r="G8" s="8" t="s">
        <v>65</v>
      </c>
      <c r="H8" s="8" t="s">
        <v>136</v>
      </c>
      <c r="I8" s="7"/>
      <c r="J8" s="7"/>
      <c r="K8" s="7"/>
      <c r="L8" s="9" t="s">
        <v>136</v>
      </c>
      <c r="M8" s="7"/>
      <c r="N8" s="25" t="s">
        <v>194</v>
      </c>
      <c r="O8" s="25" t="s">
        <v>193</v>
      </c>
      <c r="P8" s="15" t="s">
        <v>192</v>
      </c>
      <c r="Q8" s="7"/>
      <c r="R8" s="7"/>
      <c r="S8" s="11" t="s">
        <v>129</v>
      </c>
    </row>
    <row r="9" spans="1:21">
      <c r="A9" s="19" t="s">
        <v>66</v>
      </c>
      <c r="B9" s="19" t="s">
        <v>67</v>
      </c>
      <c r="C9" s="19">
        <v>2004</v>
      </c>
      <c r="D9" s="5" t="s">
        <v>23</v>
      </c>
      <c r="E9" s="8" t="s">
        <v>68</v>
      </c>
      <c r="F9" s="10" t="s">
        <v>69</v>
      </c>
      <c r="G9" s="10" t="s">
        <v>70</v>
      </c>
      <c r="H9" s="7"/>
      <c r="I9" s="12" t="s">
        <v>71</v>
      </c>
      <c r="J9" s="7"/>
      <c r="K9" s="9" t="s">
        <v>72</v>
      </c>
      <c r="L9" s="7"/>
      <c r="M9" s="7"/>
      <c r="N9" s="9" t="s">
        <v>73</v>
      </c>
      <c r="O9" s="9" t="s">
        <v>74</v>
      </c>
      <c r="P9" s="9" t="s">
        <v>75</v>
      </c>
      <c r="Q9" s="7"/>
      <c r="R9" s="7"/>
    </row>
    <row r="19" spans="1:21">
      <c r="A19" s="43" t="s">
        <v>139</v>
      </c>
      <c r="B19" s="44"/>
      <c r="C19" s="44"/>
      <c r="D19" s="45"/>
      <c r="E19" s="24"/>
      <c r="F19" s="24"/>
      <c r="G19" s="24"/>
    </row>
    <row r="21" spans="1:21">
      <c r="E21" s="7"/>
      <c r="F21" s="7"/>
      <c r="G21" s="7"/>
      <c r="H21" s="9"/>
      <c r="I21" s="7"/>
      <c r="J21" s="7"/>
      <c r="K21" s="7"/>
      <c r="L21" s="7"/>
      <c r="M21" s="7"/>
      <c r="N21" s="7"/>
      <c r="O21" s="7"/>
      <c r="P21" s="7"/>
      <c r="Q21" s="7"/>
      <c r="R21" s="7"/>
      <c r="S21" s="11"/>
      <c r="T21" s="11"/>
      <c r="U21" s="11"/>
    </row>
    <row r="22" spans="1:21">
      <c r="A22" s="42" t="s">
        <v>76</v>
      </c>
      <c r="B22" s="42"/>
      <c r="C22" s="42"/>
      <c r="D22" s="42"/>
      <c r="E22" s="7"/>
      <c r="F22" s="7"/>
      <c r="G22" s="7"/>
      <c r="H22" s="9"/>
      <c r="I22" s="7"/>
      <c r="J22" s="7"/>
      <c r="K22" s="7"/>
      <c r="L22" s="7"/>
      <c r="M22" s="7"/>
      <c r="N22" s="7"/>
      <c r="O22" s="7"/>
      <c r="P22" s="7"/>
      <c r="Q22" s="7"/>
      <c r="R22" s="7"/>
      <c r="S22" s="11"/>
      <c r="T22" s="11"/>
      <c r="U22" s="11"/>
    </row>
    <row r="23" spans="1:21">
      <c r="A23" s="20" t="s">
        <v>77</v>
      </c>
      <c r="B23" s="21" t="s">
        <v>78</v>
      </c>
      <c r="C23" s="22" t="s">
        <v>79</v>
      </c>
      <c r="D23" s="23" t="s">
        <v>80</v>
      </c>
      <c r="E23" s="7"/>
      <c r="M23" s="7"/>
      <c r="N23" s="7"/>
      <c r="O23" s="7"/>
      <c r="P23" s="7"/>
      <c r="Q23" s="7"/>
      <c r="R23" s="7"/>
      <c r="S23" s="11"/>
      <c r="T23" s="11"/>
      <c r="U23" s="11"/>
    </row>
    <row r="24" spans="1:21">
      <c r="A24" s="20" t="s">
        <v>81</v>
      </c>
      <c r="B24" s="21" t="s">
        <v>82</v>
      </c>
      <c r="C24" s="22" t="s">
        <v>80</v>
      </c>
      <c r="D24" s="23" t="s">
        <v>83</v>
      </c>
      <c r="F24" s="7"/>
      <c r="G24" s="7"/>
      <c r="H24" s="9"/>
      <c r="I24" s="7"/>
      <c r="J24" s="7"/>
      <c r="K24" s="7"/>
      <c r="L24" s="7"/>
      <c r="M24" s="7"/>
      <c r="N24" s="7"/>
      <c r="O24" s="7"/>
      <c r="P24" s="7"/>
      <c r="Q24" s="7"/>
      <c r="R24" s="7"/>
      <c r="S24" s="11"/>
      <c r="T24" s="11"/>
      <c r="U24" s="11"/>
    </row>
    <row r="25" spans="1:21">
      <c r="A25" s="20" t="s">
        <v>84</v>
      </c>
      <c r="B25" s="21" t="s">
        <v>82</v>
      </c>
      <c r="C25" s="22" t="s">
        <v>85</v>
      </c>
      <c r="D25" s="23" t="s">
        <v>86</v>
      </c>
      <c r="F25" s="7"/>
      <c r="G25" s="7"/>
      <c r="H25" s="9"/>
      <c r="I25" s="7"/>
      <c r="J25" s="7"/>
      <c r="K25" s="7"/>
      <c r="L25" s="7"/>
      <c r="M25" s="7"/>
      <c r="N25" s="7"/>
      <c r="O25" s="7"/>
      <c r="P25" s="7"/>
      <c r="Q25" s="7"/>
      <c r="R25" s="7"/>
      <c r="S25" s="11"/>
      <c r="T25" s="11"/>
      <c r="U25" s="11"/>
    </row>
    <row r="26" spans="1:21">
      <c r="A26" s="20" t="s">
        <v>87</v>
      </c>
      <c r="B26" s="21" t="s">
        <v>88</v>
      </c>
      <c r="C26" s="22" t="s">
        <v>89</v>
      </c>
      <c r="D26" s="23" t="s">
        <v>90</v>
      </c>
      <c r="F26" s="7"/>
      <c r="G26" s="7"/>
      <c r="H26" s="9"/>
      <c r="I26" s="7"/>
      <c r="J26" s="7"/>
      <c r="K26" s="7"/>
      <c r="L26" s="7"/>
      <c r="M26" s="7"/>
      <c r="N26" s="7"/>
      <c r="O26" s="7"/>
      <c r="P26" s="7"/>
      <c r="Q26" s="7"/>
      <c r="R26" s="7"/>
      <c r="S26" s="11"/>
      <c r="T26" s="11"/>
      <c r="U26" s="11"/>
    </row>
    <row r="27" spans="1:21">
      <c r="A27" s="42" t="s">
        <v>91</v>
      </c>
      <c r="B27" s="42"/>
      <c r="C27" s="42"/>
      <c r="D27" s="42"/>
      <c r="F27" s="7"/>
      <c r="G27" s="7"/>
      <c r="H27" s="9"/>
      <c r="I27" s="7"/>
      <c r="J27" s="7"/>
      <c r="K27" s="7"/>
      <c r="L27" s="7"/>
      <c r="M27" s="7"/>
      <c r="N27" s="7"/>
      <c r="O27" s="7"/>
      <c r="P27" s="7"/>
      <c r="Q27" s="7"/>
      <c r="R27" s="7"/>
      <c r="S27" s="11"/>
      <c r="T27" s="11"/>
      <c r="U27" s="11"/>
    </row>
    <row r="28" spans="1:21">
      <c r="A28" s="20" t="s">
        <v>92</v>
      </c>
      <c r="B28" s="21" t="s">
        <v>93</v>
      </c>
      <c r="C28" s="22" t="s">
        <v>94</v>
      </c>
      <c r="D28" s="23" t="s">
        <v>95</v>
      </c>
      <c r="F28" s="7"/>
      <c r="G28" s="7"/>
      <c r="H28" s="9"/>
      <c r="I28" s="7"/>
      <c r="J28" s="7"/>
      <c r="K28" s="7"/>
      <c r="L28" s="7"/>
      <c r="M28" s="7"/>
      <c r="N28" s="7"/>
      <c r="O28" s="7"/>
      <c r="P28" s="7"/>
      <c r="Q28" s="7"/>
      <c r="R28" s="7"/>
      <c r="S28" s="11"/>
      <c r="T28" s="11"/>
      <c r="U28" s="11"/>
    </row>
    <row r="29" spans="1:21">
      <c r="A29" s="20" t="s">
        <v>96</v>
      </c>
      <c r="B29" s="21" t="s">
        <v>97</v>
      </c>
      <c r="C29" s="22" t="s">
        <v>98</v>
      </c>
      <c r="D29" s="23" t="s">
        <v>99</v>
      </c>
      <c r="F29" s="7"/>
      <c r="G29" s="7"/>
      <c r="H29" s="9"/>
      <c r="I29" s="7"/>
      <c r="J29" s="7"/>
      <c r="K29" s="7"/>
      <c r="L29" s="7"/>
      <c r="M29" s="7"/>
      <c r="N29" s="7"/>
      <c r="O29" s="7"/>
      <c r="P29" s="7"/>
      <c r="Q29" s="7"/>
      <c r="R29" s="7"/>
      <c r="S29" s="11"/>
      <c r="T29" s="11"/>
      <c r="U29" s="11"/>
    </row>
    <row r="30" spans="1:21">
      <c r="A30" s="20" t="s">
        <v>100</v>
      </c>
      <c r="B30" s="21" t="s">
        <v>101</v>
      </c>
      <c r="C30" s="22" t="s">
        <v>102</v>
      </c>
      <c r="D30" s="23" t="s">
        <v>94</v>
      </c>
      <c r="F30" s="7"/>
      <c r="G30" s="7"/>
      <c r="H30" s="9"/>
      <c r="I30" s="7"/>
      <c r="J30" s="7"/>
      <c r="K30" s="7"/>
      <c r="L30" s="7"/>
      <c r="M30" s="7"/>
      <c r="N30" s="7"/>
      <c r="O30" s="7"/>
      <c r="P30" s="7"/>
      <c r="Q30" s="7"/>
      <c r="R30" s="7"/>
      <c r="S30" s="11"/>
      <c r="T30" s="11"/>
      <c r="U30" s="11"/>
    </row>
    <row r="31" spans="1:21">
      <c r="A31" s="20" t="s">
        <v>87</v>
      </c>
      <c r="B31" s="21" t="s">
        <v>103</v>
      </c>
      <c r="C31" s="22" t="s">
        <v>104</v>
      </c>
      <c r="D31" s="23" t="s">
        <v>105</v>
      </c>
      <c r="F31" s="7"/>
      <c r="G31" s="7"/>
      <c r="H31" s="9"/>
      <c r="I31" s="7"/>
      <c r="J31" s="7"/>
      <c r="K31" s="7"/>
      <c r="L31" s="7"/>
      <c r="M31" s="7"/>
      <c r="N31" s="7"/>
      <c r="O31" s="7"/>
      <c r="P31" s="7"/>
      <c r="Q31" s="7"/>
      <c r="R31" s="7"/>
      <c r="S31" s="11"/>
      <c r="T31" s="11"/>
      <c r="U31" s="11"/>
    </row>
    <row r="32" spans="1:21">
      <c r="A32" s="20" t="s">
        <v>106</v>
      </c>
      <c r="B32" s="21" t="s">
        <v>107</v>
      </c>
      <c r="C32" s="22" t="s">
        <v>108</v>
      </c>
      <c r="D32" s="23" t="s">
        <v>109</v>
      </c>
      <c r="F32" s="7"/>
      <c r="G32" s="7"/>
      <c r="H32" s="9"/>
      <c r="I32" s="7"/>
      <c r="J32" s="7"/>
      <c r="K32" s="7"/>
      <c r="L32" s="7"/>
      <c r="M32" s="7"/>
      <c r="N32" s="7"/>
      <c r="O32" s="7"/>
      <c r="P32" s="7"/>
      <c r="Q32" s="7"/>
      <c r="R32" s="7"/>
      <c r="S32" s="11"/>
      <c r="T32" s="11"/>
      <c r="U32" s="11"/>
    </row>
    <row r="33" spans="1:21">
      <c r="A33" s="42" t="s">
        <v>110</v>
      </c>
      <c r="B33" s="42"/>
      <c r="C33" s="42"/>
      <c r="D33" s="42"/>
      <c r="F33" s="7"/>
      <c r="G33" s="7"/>
      <c r="H33" s="9"/>
      <c r="I33" s="7"/>
      <c r="J33" s="7"/>
      <c r="K33" s="7"/>
      <c r="L33" s="7"/>
      <c r="M33" s="7"/>
      <c r="N33" s="7"/>
      <c r="O33" s="7"/>
      <c r="P33" s="7"/>
      <c r="Q33" s="7"/>
      <c r="R33" s="7"/>
      <c r="S33" s="11"/>
      <c r="T33" s="11"/>
      <c r="U33" s="11"/>
    </row>
    <row r="34" spans="1:21">
      <c r="A34" s="20" t="s">
        <v>111</v>
      </c>
      <c r="B34" s="21" t="s">
        <v>112</v>
      </c>
      <c r="C34" s="22" t="s">
        <v>113</v>
      </c>
      <c r="D34" s="23" t="s">
        <v>114</v>
      </c>
      <c r="F34" s="7"/>
      <c r="G34" s="7"/>
      <c r="H34" s="9"/>
      <c r="I34" s="7"/>
      <c r="J34" s="7"/>
      <c r="K34" s="7"/>
      <c r="L34" s="7"/>
      <c r="M34" s="7"/>
      <c r="N34" s="7"/>
      <c r="O34" s="7"/>
      <c r="P34" s="7"/>
      <c r="Q34" s="7"/>
      <c r="R34" s="7"/>
      <c r="S34" s="11"/>
      <c r="T34" s="11"/>
      <c r="U34" s="11"/>
    </row>
    <row r="35" spans="1:21">
      <c r="A35" s="20" t="s">
        <v>115</v>
      </c>
      <c r="B35" s="21" t="s">
        <v>116</v>
      </c>
      <c r="C35" s="22" t="s">
        <v>114</v>
      </c>
      <c r="D35" s="23" t="s">
        <v>117</v>
      </c>
      <c r="F35" s="7"/>
      <c r="G35" s="7"/>
      <c r="H35" s="9"/>
      <c r="I35" s="7"/>
      <c r="J35" s="7"/>
      <c r="K35" s="7"/>
      <c r="L35" s="7"/>
      <c r="M35" s="7"/>
      <c r="N35" s="7"/>
      <c r="O35" s="7"/>
      <c r="P35" s="7"/>
      <c r="Q35" s="7"/>
      <c r="R35" s="7"/>
      <c r="S35" s="11"/>
      <c r="T35" s="11"/>
      <c r="U35" s="11"/>
    </row>
    <row r="36" spans="1:21">
      <c r="A36" s="20" t="s">
        <v>118</v>
      </c>
      <c r="B36" s="21" t="s">
        <v>119</v>
      </c>
      <c r="C36" s="22" t="s">
        <v>120</v>
      </c>
      <c r="D36" s="23" t="s">
        <v>113</v>
      </c>
      <c r="F36" s="7"/>
      <c r="G36" s="7"/>
      <c r="H36" s="9"/>
      <c r="I36" s="7"/>
      <c r="J36" s="7"/>
      <c r="K36" s="7"/>
      <c r="L36" s="7"/>
      <c r="M36" s="7"/>
      <c r="N36" s="7"/>
      <c r="O36" s="7"/>
      <c r="P36" s="7"/>
      <c r="Q36" s="7"/>
      <c r="R36" s="7"/>
      <c r="S36" s="11"/>
      <c r="T36" s="11"/>
      <c r="U36" s="11"/>
    </row>
    <row r="37" spans="1:21">
      <c r="A37" s="20" t="s">
        <v>121</v>
      </c>
      <c r="B37" s="21" t="s">
        <v>122</v>
      </c>
      <c r="C37" s="22" t="s">
        <v>123</v>
      </c>
      <c r="D37" s="23" t="s">
        <v>124</v>
      </c>
      <c r="F37" s="7"/>
      <c r="G37" s="7"/>
      <c r="H37" s="9"/>
      <c r="I37" s="7"/>
      <c r="J37" s="7"/>
      <c r="K37" s="7"/>
      <c r="L37" s="7"/>
      <c r="M37" s="7"/>
      <c r="N37" s="7"/>
      <c r="O37" s="7"/>
      <c r="P37" s="7"/>
      <c r="Q37" s="7"/>
      <c r="R37" s="7"/>
      <c r="S37" s="11"/>
      <c r="T37" s="11"/>
      <c r="U37" s="11"/>
    </row>
    <row r="38" spans="1:21">
      <c r="A38" s="20" t="s">
        <v>125</v>
      </c>
      <c r="B38" s="21" t="s">
        <v>107</v>
      </c>
      <c r="C38" s="22" t="s">
        <v>126</v>
      </c>
      <c r="D38" s="23" t="s">
        <v>127</v>
      </c>
      <c r="F38" s="7"/>
      <c r="G38" s="7"/>
      <c r="H38" s="9"/>
      <c r="I38" s="7"/>
      <c r="J38" s="7"/>
      <c r="K38" s="7"/>
      <c r="L38" s="7"/>
      <c r="M38" s="7"/>
      <c r="N38" s="7"/>
      <c r="O38" s="7"/>
      <c r="P38" s="7"/>
      <c r="Q38" s="7"/>
      <c r="R38" s="7"/>
      <c r="S38" s="11"/>
      <c r="T38" s="11"/>
      <c r="U38" s="11"/>
    </row>
    <row r="39" spans="1:21">
      <c r="F39" s="7"/>
      <c r="G39" s="7"/>
      <c r="H39" s="9"/>
      <c r="I39" s="7"/>
      <c r="J39" s="7"/>
      <c r="K39" s="7"/>
      <c r="L39" s="7"/>
      <c r="M39" s="7"/>
      <c r="N39" s="7"/>
      <c r="O39" s="7"/>
      <c r="P39" s="7"/>
      <c r="Q39" s="7"/>
      <c r="R39" s="7"/>
      <c r="S39" s="11"/>
      <c r="T39" s="11"/>
      <c r="U39" s="11"/>
    </row>
  </sheetData>
  <autoFilter ref="A1:U1">
    <sortState ref="A2:Y21">
      <sortCondition ref="B1"/>
    </sortState>
  </autoFilter>
  <mergeCells count="4">
    <mergeCell ref="A22:D22"/>
    <mergeCell ref="A27:D27"/>
    <mergeCell ref="A33:D33"/>
    <mergeCell ref="A19:D19"/>
  </mergeCells>
  <pageMargins left="0.70866141732283472" right="0.70866141732283472" top="0.74803149606299213" bottom="0.74803149606299213" header="0.31496062992125984" footer="0.31496062992125984"/>
  <pageSetup paperSize="9" orientation="landscape" r:id="rId1"/>
  <headerFooter>
    <oddHeader>&amp;CUppdaterat med Utmanaren 170503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V8"/>
  <sheetViews>
    <sheetView workbookViewId="0">
      <selection activeCell="E12" sqref="E12"/>
    </sheetView>
  </sheetViews>
  <sheetFormatPr defaultRowHeight="11.25"/>
  <cols>
    <col min="1" max="1" width="13.625" style="31" bestFit="1" customWidth="1"/>
    <col min="2" max="16384" width="9" style="31"/>
  </cols>
  <sheetData>
    <row r="1" spans="1:22" s="27" customFormat="1" ht="33.75">
      <c r="A1" s="27" t="s">
        <v>0</v>
      </c>
      <c r="B1" s="27" t="s">
        <v>1</v>
      </c>
      <c r="C1" s="27" t="s">
        <v>2</v>
      </c>
      <c r="D1" s="27" t="s">
        <v>3</v>
      </c>
      <c r="E1" s="28" t="s">
        <v>4</v>
      </c>
      <c r="F1" s="28" t="s">
        <v>5</v>
      </c>
      <c r="G1" s="28" t="s">
        <v>6</v>
      </c>
      <c r="H1" s="29" t="s">
        <v>7</v>
      </c>
      <c r="I1" s="28" t="s">
        <v>8</v>
      </c>
      <c r="J1" s="28" t="s">
        <v>9</v>
      </c>
      <c r="K1" s="28" t="s">
        <v>10</v>
      </c>
      <c r="L1" s="29" t="s">
        <v>11</v>
      </c>
      <c r="M1" s="28" t="s">
        <v>12</v>
      </c>
      <c r="N1" s="28" t="s">
        <v>13</v>
      </c>
      <c r="O1" s="28" t="s">
        <v>14</v>
      </c>
      <c r="P1" s="28" t="s">
        <v>15</v>
      </c>
      <c r="Q1" s="28" t="s">
        <v>16</v>
      </c>
      <c r="R1" s="28" t="s">
        <v>17</v>
      </c>
      <c r="S1" s="30" t="s">
        <v>18</v>
      </c>
      <c r="T1" s="30" t="s">
        <v>19</v>
      </c>
      <c r="U1" s="30" t="s">
        <v>20</v>
      </c>
    </row>
    <row r="2" spans="1:22">
      <c r="A2" s="31" t="s">
        <v>149</v>
      </c>
      <c r="B2" s="31" t="s">
        <v>148</v>
      </c>
      <c r="C2" s="31">
        <v>2006</v>
      </c>
      <c r="D2" s="31" t="s">
        <v>150</v>
      </c>
      <c r="E2" s="32" t="s">
        <v>151</v>
      </c>
      <c r="F2" s="32" t="s">
        <v>152</v>
      </c>
      <c r="G2" s="33" t="s">
        <v>153</v>
      </c>
      <c r="H2" s="34"/>
      <c r="I2" s="34"/>
      <c r="J2" s="34"/>
      <c r="L2" s="34"/>
      <c r="Q2" s="34"/>
    </row>
    <row r="3" spans="1:22">
      <c r="A3" s="31" t="s">
        <v>155</v>
      </c>
      <c r="B3" s="31" t="s">
        <v>154</v>
      </c>
      <c r="C3" s="31">
        <v>2004</v>
      </c>
      <c r="D3" s="31" t="s">
        <v>150</v>
      </c>
      <c r="E3" s="32" t="s">
        <v>156</v>
      </c>
      <c r="F3" s="32" t="s">
        <v>157</v>
      </c>
      <c r="G3" s="32" t="s">
        <v>158</v>
      </c>
      <c r="J3" s="35" t="s">
        <v>160</v>
      </c>
      <c r="Q3" s="33" t="s">
        <v>159</v>
      </c>
    </row>
    <row r="4" spans="1:22">
      <c r="A4" s="31" t="s">
        <v>162</v>
      </c>
      <c r="B4" s="31" t="s">
        <v>161</v>
      </c>
      <c r="C4" s="31">
        <v>2005</v>
      </c>
      <c r="D4" s="31" t="s">
        <v>150</v>
      </c>
      <c r="E4" s="36"/>
      <c r="F4" s="37" t="s">
        <v>163</v>
      </c>
      <c r="G4" s="36"/>
      <c r="H4" s="36"/>
      <c r="I4" s="36"/>
      <c r="J4" s="36"/>
      <c r="K4" s="36"/>
      <c r="L4" s="36"/>
      <c r="P4" s="36"/>
      <c r="Q4" s="36"/>
      <c r="R4" s="36"/>
      <c r="S4" s="36"/>
      <c r="T4" s="36"/>
      <c r="U4" s="36"/>
      <c r="V4" s="36"/>
    </row>
    <row r="5" spans="1:22">
      <c r="A5" s="31" t="s">
        <v>165</v>
      </c>
      <c r="B5" s="31" t="s">
        <v>164</v>
      </c>
      <c r="C5" s="31">
        <v>2004</v>
      </c>
      <c r="D5" s="31" t="s">
        <v>150</v>
      </c>
      <c r="E5" s="38" t="s">
        <v>166</v>
      </c>
      <c r="F5" s="38" t="s">
        <v>167</v>
      </c>
      <c r="G5" s="38" t="s">
        <v>168</v>
      </c>
      <c r="H5" s="36"/>
      <c r="I5" s="36"/>
      <c r="J5" s="37" t="s">
        <v>169</v>
      </c>
      <c r="K5" s="36"/>
      <c r="L5" s="36"/>
      <c r="Q5" s="36" t="s">
        <v>170</v>
      </c>
      <c r="R5" s="36"/>
      <c r="S5" s="36"/>
      <c r="T5" s="36"/>
      <c r="U5" s="36"/>
      <c r="V5" s="36"/>
    </row>
    <row r="6" spans="1:22">
      <c r="A6" s="31" t="s">
        <v>171</v>
      </c>
      <c r="B6" s="31" t="s">
        <v>172</v>
      </c>
      <c r="C6" s="31">
        <v>2004</v>
      </c>
      <c r="D6" s="31" t="s">
        <v>23</v>
      </c>
      <c r="E6" s="38" t="s">
        <v>173</v>
      </c>
      <c r="F6" s="38" t="s">
        <v>174</v>
      </c>
      <c r="G6" s="38" t="s">
        <v>175</v>
      </c>
      <c r="H6" s="38" t="s">
        <v>176</v>
      </c>
      <c r="I6" s="38" t="s">
        <v>177</v>
      </c>
      <c r="J6" s="36"/>
      <c r="K6" s="38" t="s">
        <v>176</v>
      </c>
      <c r="L6" s="38"/>
      <c r="P6" s="36"/>
      <c r="Q6" s="39"/>
      <c r="R6" s="36"/>
      <c r="S6" s="40" t="s">
        <v>44</v>
      </c>
    </row>
    <row r="7" spans="1:22">
      <c r="A7" s="31" t="s">
        <v>178</v>
      </c>
      <c r="B7" s="31" t="s">
        <v>179</v>
      </c>
      <c r="C7" s="31">
        <v>2005</v>
      </c>
      <c r="D7" s="31" t="s">
        <v>23</v>
      </c>
      <c r="E7" s="37" t="s">
        <v>180</v>
      </c>
      <c r="F7" s="36"/>
      <c r="G7" s="36"/>
      <c r="H7" s="39"/>
      <c r="I7" s="36"/>
      <c r="J7" s="36"/>
      <c r="K7" s="36"/>
      <c r="L7" s="36"/>
      <c r="P7" s="36"/>
      <c r="Q7" s="36"/>
      <c r="R7" s="36"/>
      <c r="S7" s="36"/>
      <c r="T7" s="36"/>
      <c r="U7" s="36"/>
    </row>
    <row r="8" spans="1:22">
      <c r="A8" s="31" t="s">
        <v>181</v>
      </c>
      <c r="B8" s="31" t="s">
        <v>182</v>
      </c>
      <c r="C8" s="31">
        <v>2005</v>
      </c>
      <c r="D8" s="31" t="s">
        <v>23</v>
      </c>
      <c r="E8" s="38" t="s">
        <v>183</v>
      </c>
      <c r="F8" s="38" t="s">
        <v>184</v>
      </c>
      <c r="G8" s="37" t="s">
        <v>185</v>
      </c>
      <c r="H8" s="38" t="s">
        <v>186</v>
      </c>
      <c r="I8" s="41" t="s">
        <v>187</v>
      </c>
      <c r="J8" s="36"/>
      <c r="K8" s="41" t="s">
        <v>186</v>
      </c>
      <c r="L8" s="41"/>
      <c r="P8" s="36"/>
      <c r="Q8" s="41" t="s">
        <v>188</v>
      </c>
      <c r="R8" s="36"/>
      <c r="S8" s="36"/>
      <c r="T8" s="36"/>
      <c r="U8" s="36"/>
    </row>
  </sheetData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Kalkylblad</vt:lpstr>
      </vt:variant>
      <vt:variant>
        <vt:i4>2</vt:i4>
      </vt:variant>
      <vt:variant>
        <vt:lpstr>Namngivna områden</vt:lpstr>
      </vt:variant>
      <vt:variant>
        <vt:i4>1</vt:i4>
      </vt:variant>
    </vt:vector>
  </HeadingPairs>
  <TitlesOfParts>
    <vt:vector size="3" baseType="lpstr">
      <vt:lpstr>Simiaden</vt:lpstr>
      <vt:lpstr>Slutat</vt:lpstr>
      <vt:lpstr>Simiaden!_GoBack</vt:lpstr>
    </vt:vector>
  </TitlesOfParts>
  <Manager/>
  <Company>Björkö Mjukvaruinformation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osefina Jana Agrest (elev)</dc:creator>
  <cp:keywords/>
  <dc:description/>
  <cp:lastModifiedBy>Månsson Pernilla</cp:lastModifiedBy>
  <cp:revision/>
  <dcterms:created xsi:type="dcterms:W3CDTF">2013-04-22T10:23:15Z</dcterms:created>
  <dcterms:modified xsi:type="dcterms:W3CDTF">2017-12-04T07:10:34Z</dcterms:modified>
  <cp:category/>
  <cp:contentStatus/>
</cp:coreProperties>
</file>